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法人指導グループ\03_医療法（文書・証明願）\09_医療機関名簿\R7年度\03_校正の最新\"/>
    </mc:Choice>
  </mc:AlternateContent>
  <bookViews>
    <workbookView xWindow="0" yWindow="0" windowWidth="19200" windowHeight="7668"/>
  </bookViews>
  <sheets>
    <sheet name="平塚保健福祉事務所" sheetId="1" r:id="rId1"/>
  </sheets>
  <definedNames>
    <definedName name="_xlnm.Print_Area" localSheetId="0">平塚保健福祉事務所!$A$1:$O$22</definedName>
  </definedNames>
  <calcPr calcId="162913"/>
</workbook>
</file>

<file path=xl/calcChain.xml><?xml version="1.0" encoding="utf-8"?>
<calcChain xmlns="http://schemas.openxmlformats.org/spreadsheetml/2006/main">
  <c r="M22" i="1" l="1"/>
  <c r="M21" i="1"/>
  <c r="M15" i="1"/>
  <c r="M14" i="1"/>
  <c r="M1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41" uniqueCount="118">
  <si>
    <t>平塚保健福祉事務所</t>
    <rPh sb="2" eb="9">
      <t>ホフク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名         称</t>
    <rPh sb="0" eb="1">
      <t>ナ</t>
    </rPh>
    <rPh sb="10" eb="11">
      <t>ショウ</t>
    </rPh>
    <phoneticPr fontId="1"/>
  </si>
  <si>
    <t>所    在    地</t>
    <rPh sb="0" eb="1">
      <t>トコロ</t>
    </rPh>
    <rPh sb="5" eb="6">
      <t>ザイ</t>
    </rPh>
    <rPh sb="10" eb="11">
      <t>チ</t>
    </rPh>
    <phoneticPr fontId="1"/>
  </si>
  <si>
    <t>開   設   者</t>
    <rPh sb="0" eb="1">
      <t>カイ</t>
    </rPh>
    <rPh sb="4" eb="5">
      <t>セツ</t>
    </rPh>
    <rPh sb="8" eb="9">
      <t>シャ</t>
    </rPh>
    <phoneticPr fontId="1"/>
  </si>
  <si>
    <t>管 理 者</t>
    <rPh sb="0" eb="1">
      <t>カン</t>
    </rPh>
    <rPh sb="2" eb="3">
      <t>リ</t>
    </rPh>
    <rPh sb="4" eb="5">
      <t>シャ</t>
    </rPh>
    <phoneticPr fontId="1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"/>
  </si>
  <si>
    <t>開設年月</t>
    <rPh sb="0" eb="2">
      <t>カイセツ</t>
    </rPh>
    <rPh sb="2" eb="4">
      <t>ネンゲツ</t>
    </rPh>
    <phoneticPr fontId="1"/>
  </si>
  <si>
    <t>備    考</t>
    <rPh sb="0" eb="1">
      <t>ソナエ</t>
    </rPh>
    <rPh sb="5" eb="6">
      <t>コウ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精神</t>
    <rPh sb="0" eb="2">
      <t>セイシン</t>
    </rPh>
    <phoneticPr fontId="1"/>
  </si>
  <si>
    <t>結核</t>
    <rPh sb="0" eb="2">
      <t>ケッカク</t>
    </rPh>
    <phoneticPr fontId="1"/>
  </si>
  <si>
    <t>感染症</t>
    <rPh sb="0" eb="3">
      <t>カンセンショウ</t>
    </rPh>
    <phoneticPr fontId="1"/>
  </si>
  <si>
    <t>計</t>
    <rPh sb="0" eb="1">
      <t>ケイ</t>
    </rPh>
    <phoneticPr fontId="1"/>
  </si>
  <si>
    <t>(認定年月日)</t>
    <rPh sb="1" eb="3">
      <t>ニンテイ</t>
    </rPh>
    <rPh sb="3" eb="6">
      <t>ネンガッピ</t>
    </rPh>
    <phoneticPr fontId="1"/>
  </si>
  <si>
    <t>平塚市出縄４７６</t>
  </si>
  <si>
    <t>254-0915</t>
  </si>
  <si>
    <t>医療法人研水会</t>
  </si>
  <si>
    <t>大野史郎</t>
  </si>
  <si>
    <t>心内,精</t>
    <rPh sb="0" eb="1">
      <t>シン</t>
    </rPh>
    <rPh sb="1" eb="2">
      <t>ナイ</t>
    </rPh>
    <phoneticPr fontId="1"/>
  </si>
  <si>
    <t>0463-
32-0380</t>
  </si>
  <si>
    <t>昭40． 8</t>
  </si>
  <si>
    <t>平塚市出縄５５０</t>
  </si>
  <si>
    <t>医療法人社団水野会</t>
  </si>
  <si>
    <t>内,リハ</t>
  </si>
  <si>
    <t>0463-
32-8511</t>
  </si>
  <si>
    <t>昭53． 3</t>
  </si>
  <si>
    <t>国家公務員共済組合連合会</t>
  </si>
  <si>
    <t>0463-
32-1950</t>
  </si>
  <si>
    <t>昭25．12</t>
  </si>
  <si>
    <t>ふれあい平塚ホスピタル</t>
  </si>
  <si>
    <t>254-0813</t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1"/>
  </si>
  <si>
    <t>菅井桂雄</t>
    <rPh sb="0" eb="2">
      <t>スガイ</t>
    </rPh>
    <rPh sb="2" eb="3">
      <t>カツラ</t>
    </rPh>
    <rPh sb="3" eb="4">
      <t>オス</t>
    </rPh>
    <phoneticPr fontId="1"/>
  </si>
  <si>
    <t>0463-
22-4105</t>
  </si>
  <si>
    <t>平17． 7</t>
    <rPh sb="0" eb="1">
      <t>ヘイ</t>
    </rPh>
    <phoneticPr fontId="1"/>
  </si>
  <si>
    <t>254-0912</t>
  </si>
  <si>
    <t>田邉享史</t>
    <rPh sb="0" eb="2">
      <t>タナベ</t>
    </rPh>
    <rPh sb="2" eb="3">
      <t>キョウ</t>
    </rPh>
    <rPh sb="3" eb="4">
      <t>フミ</t>
    </rPh>
    <phoneticPr fontId="1"/>
  </si>
  <si>
    <t>0463-
34-3701</t>
  </si>
  <si>
    <t>昭56． 3</t>
  </si>
  <si>
    <t>社会福祉法人恩賜財団済生会支部神奈川県済生会</t>
  </si>
  <si>
    <t>259-1205</t>
  </si>
  <si>
    <t>医療法人社団清風会</t>
  </si>
  <si>
    <t>0463-
58-0186</t>
  </si>
  <si>
    <t>昭42．12</t>
  </si>
  <si>
    <t>254-0018</t>
  </si>
  <si>
    <t>医療法人財団倉田会</t>
  </si>
  <si>
    <t>0463-
53-1955</t>
  </si>
  <si>
    <t>平11． 8</t>
  </si>
  <si>
    <t>平塚市民病院</t>
  </si>
  <si>
    <t>254-0065</t>
  </si>
  <si>
    <t>0463-
32-0015</t>
  </si>
  <si>
    <t>0463-
72-3211</t>
  </si>
  <si>
    <t>平塚市東豊田
４４８－３</t>
    <rPh sb="3" eb="4">
      <t>ヒガシ</t>
    </rPh>
    <rPh sb="4" eb="6">
      <t>トヨダ</t>
    </rPh>
    <phoneticPr fontId="1"/>
  </si>
  <si>
    <t>一般社団法人平塚歯科医師会</t>
    <rPh sb="0" eb="2">
      <t>イッパン</t>
    </rPh>
    <phoneticPr fontId="1"/>
  </si>
  <si>
    <t>歯</t>
  </si>
  <si>
    <t>一般社団法人平塚市医師会　</t>
    <rPh sb="0" eb="2">
      <t>イッパン</t>
    </rPh>
    <rPh sb="8" eb="9">
      <t>シ</t>
    </rPh>
    <phoneticPr fontId="1"/>
  </si>
  <si>
    <t>内,小,外,眼,耳咽</t>
    <rPh sb="6" eb="7">
      <t>ガン</t>
    </rPh>
    <rPh sb="8" eb="9">
      <t>ミミ</t>
    </rPh>
    <rPh sb="9" eb="10">
      <t>ノド</t>
    </rPh>
    <phoneticPr fontId="1"/>
  </si>
  <si>
    <t>　〒254-0051</t>
    <phoneticPr fontId="1"/>
  </si>
  <si>
    <t>　平塚市豊原町6-21</t>
    <phoneticPr fontId="1"/>
  </si>
  <si>
    <t>　0463(32)0130</t>
    <phoneticPr fontId="1"/>
  </si>
  <si>
    <t>〒</t>
    <phoneticPr fontId="1"/>
  </si>
  <si>
    <t>医療法人社団水野会
平塚十全病院</t>
    <phoneticPr fontId="1"/>
  </si>
  <si>
    <t>254-8502</t>
    <phoneticPr fontId="1"/>
  </si>
  <si>
    <t>医療法人研水会
高根台病院</t>
    <phoneticPr fontId="1"/>
  </si>
  <si>
    <t>医療法人社団清風会
富士見台病院</t>
    <phoneticPr fontId="1"/>
  </si>
  <si>
    <t>くらた病院</t>
    <phoneticPr fontId="1"/>
  </si>
  <si>
    <t>平塚市東真土
４－５－２６</t>
    <phoneticPr fontId="1"/>
  </si>
  <si>
    <t>平塚市南原
１－１９－１</t>
    <phoneticPr fontId="1"/>
  </si>
  <si>
    <t>平塚市</t>
    <phoneticPr fontId="1"/>
  </si>
  <si>
    <t>中郡大磯町月京
２１－１</t>
    <phoneticPr fontId="1"/>
  </si>
  <si>
    <t>259-0198</t>
    <phoneticPr fontId="1"/>
  </si>
  <si>
    <t>平塚市休日急患・障がい者歯科診療所</t>
    <phoneticPr fontId="1"/>
  </si>
  <si>
    <t>254-0082</t>
    <phoneticPr fontId="1"/>
  </si>
  <si>
    <t>0463-
55-2176</t>
    <phoneticPr fontId="1"/>
  </si>
  <si>
    <t>平20． 3</t>
    <phoneticPr fontId="1"/>
  </si>
  <si>
    <t>平塚市休日・夜間急患診療所</t>
    <phoneticPr fontId="1"/>
  </si>
  <si>
    <t>0463-
55-2145</t>
    <phoneticPr fontId="1"/>
  </si>
  <si>
    <t>内,リハ,皮</t>
    <rPh sb="5" eb="6">
      <t>カワ</t>
    </rPh>
    <phoneticPr fontId="1"/>
  </si>
  <si>
    <t>鈴木周雄</t>
    <rPh sb="0" eb="2">
      <t>スズキ</t>
    </rPh>
    <rPh sb="2" eb="3">
      <t>シュウ</t>
    </rPh>
    <rPh sb="3" eb="4">
      <t>オス</t>
    </rPh>
    <phoneticPr fontId="1"/>
  </si>
  <si>
    <t>久保田亘</t>
    <rPh sb="0" eb="3">
      <t>クボタ</t>
    </rPh>
    <rPh sb="3" eb="4">
      <t>ワタル</t>
    </rPh>
    <phoneticPr fontId="1"/>
  </si>
  <si>
    <t>平29． 7</t>
    <rPh sb="0" eb="1">
      <t>ヘイ</t>
    </rPh>
    <phoneticPr fontId="1"/>
  </si>
  <si>
    <t>0463-
71-6161</t>
    <phoneticPr fontId="1"/>
  </si>
  <si>
    <t>254-0036</t>
    <phoneticPr fontId="1"/>
  </si>
  <si>
    <t>稲瀬直彦</t>
    <rPh sb="0" eb="2">
      <t>イナセ</t>
    </rPh>
    <rPh sb="2" eb="4">
      <t>ナオヒコ</t>
    </rPh>
    <phoneticPr fontId="1"/>
  </si>
  <si>
    <t>医療法人研水会
平塚病院</t>
    <rPh sb="0" eb="4">
      <t>イｒ</t>
    </rPh>
    <rPh sb="4" eb="5">
      <t>ケン</t>
    </rPh>
    <rPh sb="5" eb="6">
      <t>ミズ</t>
    </rPh>
    <rPh sb="6" eb="7">
      <t>カイ</t>
    </rPh>
    <rPh sb="8" eb="10">
      <t>ヒラツカ</t>
    </rPh>
    <rPh sb="10" eb="12">
      <t>ビョウイン</t>
    </rPh>
    <phoneticPr fontId="1"/>
  </si>
  <si>
    <t>内,神内,外,乳外,整,糖内</t>
    <rPh sb="2" eb="4">
      <t>シンナイ</t>
    </rPh>
    <rPh sb="7" eb="8">
      <t>ニュウ</t>
    </rPh>
    <rPh sb="8" eb="9">
      <t>ガイ</t>
    </rPh>
    <rPh sb="12" eb="13">
      <t>トウ</t>
    </rPh>
    <rPh sb="13" eb="14">
      <t>ナイ</t>
    </rPh>
    <phoneticPr fontId="1"/>
  </si>
  <si>
    <t>遠藤詩郎</t>
    <rPh sb="0" eb="2">
      <t>エンドウ</t>
    </rPh>
    <rPh sb="2" eb="3">
      <t>ウタ</t>
    </rPh>
    <rPh sb="3" eb="4">
      <t>ロウ</t>
    </rPh>
    <phoneticPr fontId="1"/>
  </si>
  <si>
    <t>簑島利文</t>
    <rPh sb="0" eb="2">
      <t>ミノシマ</t>
    </rPh>
    <rPh sb="2" eb="4">
      <t>トシフミ</t>
    </rPh>
    <phoneticPr fontId="1"/>
  </si>
  <si>
    <t>片桐真人</t>
    <rPh sb="0" eb="2">
      <t>カタギリ</t>
    </rPh>
    <rPh sb="2" eb="4">
      <t>マサト</t>
    </rPh>
    <phoneticPr fontId="1"/>
  </si>
  <si>
    <t>内,呼内,消内,循内,外,脳外,消外,整,リハ,放,皮</t>
    <rPh sb="3" eb="4">
      <t>ナイ</t>
    </rPh>
    <rPh sb="6" eb="7">
      <t>ナイ</t>
    </rPh>
    <rPh sb="9" eb="10">
      <t>ナイ</t>
    </rPh>
    <rPh sb="13" eb="15">
      <t>ノウゲ</t>
    </rPh>
    <rPh sb="16" eb="17">
      <t>ケ</t>
    </rPh>
    <rPh sb="17" eb="18">
      <t>ガイ</t>
    </rPh>
    <rPh sb="19" eb="20">
      <t>セイ</t>
    </rPh>
    <rPh sb="26" eb="27">
      <t>カワ</t>
    </rPh>
    <phoneticPr fontId="1"/>
  </si>
  <si>
    <t>国家公務員共済組合
連合会
平塚共済病院</t>
    <phoneticPr fontId="1"/>
  </si>
  <si>
    <t>社会福祉法人恩賜財団済生会支部 神奈川県済生会湘南平塚病院</t>
    <rPh sb="13" eb="15">
      <t>シブ</t>
    </rPh>
    <rPh sb="16" eb="20">
      <t>カナ</t>
    </rPh>
    <rPh sb="20" eb="23">
      <t>サイセイカイ</t>
    </rPh>
    <rPh sb="23" eb="25">
      <t>ショウナン</t>
    </rPh>
    <rPh sb="25" eb="27">
      <t>ヒラツカ</t>
    </rPh>
    <rPh sb="27" eb="29">
      <t>ビョウイン</t>
    </rPh>
    <phoneticPr fontId="1"/>
  </si>
  <si>
    <t>救急病院
(R5.2.1)
地域医療支援病院
病院機能評価認定</t>
    <rPh sb="0" eb="2">
      <t>キュウキュウ</t>
    </rPh>
    <rPh sb="2" eb="4">
      <t>ビョウイン</t>
    </rPh>
    <phoneticPr fontId="1"/>
  </si>
  <si>
    <t>医療法人徳洲会</t>
    <rPh sb="0" eb="2">
      <t>イリョウ</t>
    </rPh>
    <rPh sb="2" eb="4">
      <t>ホウジン</t>
    </rPh>
    <rPh sb="4" eb="7">
      <t>トクシュウカイ</t>
    </rPh>
    <phoneticPr fontId="1"/>
  </si>
  <si>
    <t>令 5． 3</t>
    <rPh sb="0" eb="1">
      <t>レイ</t>
    </rPh>
    <phoneticPr fontId="1"/>
  </si>
  <si>
    <t>昭43．10</t>
    <phoneticPr fontId="1"/>
  </si>
  <si>
    <t>医療法人徳洲会
湘南大磯病院</t>
    <rPh sb="0" eb="2">
      <t>イリョウ</t>
    </rPh>
    <rPh sb="2" eb="4">
      <t>ホウジン</t>
    </rPh>
    <rPh sb="4" eb="7">
      <t>トクシュウカイ</t>
    </rPh>
    <rPh sb="8" eb="10">
      <t>ショウナン</t>
    </rPh>
    <rPh sb="10" eb="12">
      <t>オオイソ</t>
    </rPh>
    <rPh sb="12" eb="14">
      <t>ビョウイン</t>
    </rPh>
    <phoneticPr fontId="1"/>
  </si>
  <si>
    <t>救急病院
(R5.3.8)　　　　　　　開設者変更に伴い　　　開設許可病床312床　　　まで段階的に使用許可</t>
    <rPh sb="20" eb="22">
      <t>カイセツ</t>
    </rPh>
    <rPh sb="22" eb="23">
      <t>シャ</t>
    </rPh>
    <rPh sb="23" eb="25">
      <t>ヘンコウ</t>
    </rPh>
    <rPh sb="26" eb="27">
      <t>トモナ</t>
    </rPh>
    <rPh sb="31" eb="33">
      <t>カイセツ</t>
    </rPh>
    <rPh sb="33" eb="35">
      <t>キョカ</t>
    </rPh>
    <rPh sb="35" eb="37">
      <t>ビョウショウ</t>
    </rPh>
    <rPh sb="40" eb="41">
      <t>ショウ</t>
    </rPh>
    <rPh sb="46" eb="49">
      <t>ダンカイテキ</t>
    </rPh>
    <rPh sb="50" eb="52">
      <t>シヨウ</t>
    </rPh>
    <rPh sb="52" eb="54">
      <t>キョカ</t>
    </rPh>
    <phoneticPr fontId="1"/>
  </si>
  <si>
    <t>菅野靖司</t>
    <rPh sb="0" eb="2">
      <t>スガノ</t>
    </rPh>
    <rPh sb="2" eb="3">
      <t>ヤスシ</t>
    </rPh>
    <rPh sb="3" eb="4">
      <t>ツカサ</t>
    </rPh>
    <phoneticPr fontId="1"/>
  </si>
  <si>
    <t>中川基人</t>
    <rPh sb="0" eb="2">
      <t>ナカガワ</t>
    </rPh>
    <rPh sb="2" eb="3">
      <t>モトイ</t>
    </rPh>
    <rPh sb="3" eb="4">
      <t>ヒト</t>
    </rPh>
    <phoneticPr fontId="1"/>
  </si>
  <si>
    <t>権藤学司</t>
    <rPh sb="0" eb="2">
      <t>コンドウ</t>
    </rPh>
    <rPh sb="2" eb="3">
      <t>ガク</t>
    </rPh>
    <rPh sb="3" eb="4">
      <t>ツカサ</t>
    </rPh>
    <phoneticPr fontId="1"/>
  </si>
  <si>
    <t>休日急患診療所</t>
    <phoneticPr fontId="1"/>
  </si>
  <si>
    <t>救急病院
(R5.8.24)</t>
    <phoneticPr fontId="1"/>
  </si>
  <si>
    <t>救急病院
(R4.8.3)　　　　　  救命救急センター(H29.4.1)
地域医療支援病院
病院機能評価認定</t>
    <rPh sb="20" eb="22">
      <t>キュウメイ</t>
    </rPh>
    <rPh sb="22" eb="24">
      <t>キュウキュウ</t>
    </rPh>
    <rPh sb="47" eb="49">
      <t>ビョウイン</t>
    </rPh>
    <rPh sb="49" eb="51">
      <t>キノウ</t>
    </rPh>
    <rPh sb="51" eb="53">
      <t>ヒョウカ</t>
    </rPh>
    <rPh sb="53" eb="55">
      <t>ニンテイ</t>
    </rPh>
    <phoneticPr fontId="1"/>
  </si>
  <si>
    <t>平塚市袖ヶ浜
１－１２</t>
    <phoneticPr fontId="1"/>
  </si>
  <si>
    <t>平塚市高根
２－７－１</t>
    <phoneticPr fontId="1"/>
  </si>
  <si>
    <t>平塚市宮松町
１８－１</t>
    <phoneticPr fontId="1"/>
  </si>
  <si>
    <t>内,精,心内</t>
    <rPh sb="4" eb="5">
      <t>シン</t>
    </rPh>
    <rPh sb="5" eb="6">
      <t>ナイ</t>
    </rPh>
    <phoneticPr fontId="1"/>
  </si>
  <si>
    <r>
      <t>内,呼内,消内,循内,小,精,脳</t>
    </r>
    <r>
      <rPr>
        <sz val="9"/>
        <rFont val="ＭＳ ゴシック"/>
        <family val="3"/>
        <charset val="128"/>
      </rPr>
      <t>内,外,整,脳外,心血,産婦,眼,耳咽,皮,泌,リハ,放,麻,病診,血内,糖内代内,腎内,形,リ,消外,呼外,乳内外</t>
    </r>
    <rPh sb="15" eb="16">
      <t>ノウ</t>
    </rPh>
    <rPh sb="16" eb="17">
      <t>ナイ</t>
    </rPh>
    <rPh sb="26" eb="27">
      <t>チ</t>
    </rPh>
    <rPh sb="47" eb="48">
      <t>ヤマイ</t>
    </rPh>
    <rPh sb="48" eb="49">
      <t>ミ</t>
    </rPh>
    <rPh sb="50" eb="51">
      <t>チ</t>
    </rPh>
    <rPh sb="53" eb="54">
      <t>トウ</t>
    </rPh>
    <rPh sb="54" eb="55">
      <t>ナイ</t>
    </rPh>
    <rPh sb="55" eb="56">
      <t>ダイ</t>
    </rPh>
    <rPh sb="56" eb="57">
      <t>ナイ</t>
    </rPh>
    <rPh sb="58" eb="60">
      <t>ジンナイ</t>
    </rPh>
    <rPh sb="61" eb="62">
      <t>カタチ</t>
    </rPh>
    <rPh sb="65" eb="67">
      <t>ショウゲ</t>
    </rPh>
    <rPh sb="66" eb="67">
      <t>ガイ</t>
    </rPh>
    <rPh sb="68" eb="69">
      <t>コ</t>
    </rPh>
    <rPh sb="69" eb="70">
      <t>ガイ</t>
    </rPh>
    <rPh sb="71" eb="72">
      <t>ニュウ</t>
    </rPh>
    <rPh sb="72" eb="73">
      <t>ナイ</t>
    </rPh>
    <rPh sb="73" eb="74">
      <t>ソト</t>
    </rPh>
    <phoneticPr fontId="1"/>
  </si>
  <si>
    <r>
      <t>内,呼内,消内,循内,脳</t>
    </r>
    <r>
      <rPr>
        <sz val="9"/>
        <rFont val="ＭＳ ゴシック"/>
        <family val="3"/>
        <charset val="128"/>
      </rPr>
      <t>内,外,消外,リ,整,脳外,泌,皮,リハ,放</t>
    </r>
    <rPh sb="3" eb="4">
      <t>ナイ</t>
    </rPh>
    <rPh sb="6" eb="7">
      <t>ナイ</t>
    </rPh>
    <rPh sb="9" eb="10">
      <t>ナイ</t>
    </rPh>
    <rPh sb="11" eb="12">
      <t>ノウ</t>
    </rPh>
    <rPh sb="12" eb="13">
      <t>ナイ</t>
    </rPh>
    <rPh sb="14" eb="15">
      <t>ソト</t>
    </rPh>
    <rPh sb="16" eb="17">
      <t>ケ</t>
    </rPh>
    <rPh sb="17" eb="18">
      <t>ガイ</t>
    </rPh>
    <rPh sb="28" eb="29">
      <t>カワ</t>
    </rPh>
    <phoneticPr fontId="1"/>
  </si>
  <si>
    <r>
      <t>内,消内,循内,小,精,脳</t>
    </r>
    <r>
      <rPr>
        <sz val="9"/>
        <rFont val="ＭＳ ゴシック"/>
        <family val="3"/>
        <charset val="128"/>
      </rPr>
      <t>内,外,乳外,整,脳外,形,心血,産婦,眼,耳咽,頭頸外,皮,泌,リハ,麻,呼内,救,呼外,消外,血外,放診,放治,病診,腎内代内,緩ケ内</t>
    </r>
    <rPh sb="3" eb="4">
      <t>ナイ</t>
    </rPh>
    <rPh sb="6" eb="7">
      <t>ナイ</t>
    </rPh>
    <rPh sb="12" eb="13">
      <t>ノウ</t>
    </rPh>
    <rPh sb="17" eb="18">
      <t>ニュウ</t>
    </rPh>
    <rPh sb="18" eb="19">
      <t>ガイ</t>
    </rPh>
    <rPh sb="28" eb="29">
      <t>チ</t>
    </rPh>
    <rPh sb="38" eb="40">
      <t>トウケイ</t>
    </rPh>
    <rPh sb="40" eb="41">
      <t>ソト</t>
    </rPh>
    <rPh sb="51" eb="53">
      <t>コナイ</t>
    </rPh>
    <rPh sb="54" eb="55">
      <t>キュウ</t>
    </rPh>
    <rPh sb="59" eb="60">
      <t>ケ</t>
    </rPh>
    <rPh sb="60" eb="61">
      <t>ソト</t>
    </rPh>
    <rPh sb="62" eb="63">
      <t>チ</t>
    </rPh>
    <rPh sb="63" eb="64">
      <t>ソト</t>
    </rPh>
    <rPh sb="75" eb="76">
      <t>ナイ</t>
    </rPh>
    <phoneticPr fontId="1"/>
  </si>
  <si>
    <r>
      <t>内,呼内,消内,循内,小,精,脳</t>
    </r>
    <r>
      <rPr>
        <sz val="9"/>
        <rFont val="ＭＳ ゴシック"/>
        <family val="3"/>
        <charset val="128"/>
      </rPr>
      <t>内,腎内代内,消外,呼外,整,脳外,婦,眼,耳咽・頭頸外,皮,腎泌,リハ,放,病診,麻,形,歯口,血外</t>
    </r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ショウ</t>
    </rPh>
    <rPh sb="15" eb="16">
      <t>ノウ</t>
    </rPh>
    <rPh sb="18" eb="19">
      <t>ジン</t>
    </rPh>
    <rPh sb="19" eb="20">
      <t>ナイ</t>
    </rPh>
    <rPh sb="20" eb="21">
      <t>ダイ</t>
    </rPh>
    <rPh sb="21" eb="22">
      <t>ナイ</t>
    </rPh>
    <rPh sb="23" eb="24">
      <t>ショウ</t>
    </rPh>
    <rPh sb="24" eb="25">
      <t>ガイ</t>
    </rPh>
    <rPh sb="26" eb="27">
      <t>コ</t>
    </rPh>
    <rPh sb="27" eb="28">
      <t>ガイ</t>
    </rPh>
    <rPh sb="41" eb="42">
      <t>アタマ</t>
    </rPh>
    <rPh sb="43" eb="44">
      <t>ソト</t>
    </rPh>
    <rPh sb="47" eb="48">
      <t>ジン</t>
    </rPh>
    <rPh sb="55" eb="56">
      <t>ビョウ</t>
    </rPh>
    <rPh sb="56" eb="57">
      <t>ミ</t>
    </rPh>
    <rPh sb="58" eb="59">
      <t>アサ</t>
    </rPh>
    <rPh sb="60" eb="61">
      <t>ケイ</t>
    </rPh>
    <rPh sb="62" eb="63">
      <t>ハ</t>
    </rPh>
    <rPh sb="63" eb="64">
      <t>クチ</t>
    </rPh>
    <rPh sb="65" eb="66">
      <t>チ</t>
    </rPh>
    <rPh sb="66" eb="67">
      <t>ゲ</t>
    </rPh>
    <phoneticPr fontId="1"/>
  </si>
  <si>
    <t>平塚市追分
９－１１</t>
    <phoneticPr fontId="1"/>
  </si>
  <si>
    <t>平塚市土屋
１６４５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b/>
      <sz val="12"/>
      <name val="ＭＳ ゴシック"/>
      <family val="3"/>
      <charset val="128"/>
    </font>
    <font>
      <strike/>
      <sz val="9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47">
    <xf numFmtId="0" fontId="0" fillId="0" borderId="0" xfId="0">
      <alignment vertical="center"/>
    </xf>
    <xf numFmtId="0" fontId="3" fillId="0" borderId="0" xfId="0" applyFont="1" applyFill="1" applyBorder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right" vertical="center"/>
    </xf>
    <xf numFmtId="0" fontId="3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 wrapText="1"/>
    </xf>
    <xf numFmtId="0" fontId="6" fillId="0" borderId="4" xfId="0" applyFont="1" applyFill="1" applyBorder="1" applyAlignment="1">
      <alignment horizontal="left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right" vertical="center"/>
    </xf>
    <xf numFmtId="0" fontId="3" fillId="0" borderId="9" xfId="0" applyFont="1" applyFill="1" applyBorder="1" applyAlignment="1">
      <alignment horizontal="left" vertical="center" wrapText="1"/>
    </xf>
    <xf numFmtId="0" fontId="7" fillId="0" borderId="9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3" fillId="0" borderId="2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6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3"/>
  <sheetViews>
    <sheetView tabSelected="1" view="pageBreakPreview" zoomScaleNormal="100" zoomScaleSheetLayoutView="100" workbookViewId="0">
      <selection activeCell="F6" sqref="F6"/>
    </sheetView>
  </sheetViews>
  <sheetFormatPr defaultColWidth="9" defaultRowHeight="10.8" x14ac:dyDescent="0.2"/>
  <cols>
    <col min="1" max="1" width="19.109375" style="1" customWidth="1"/>
    <col min="2" max="2" width="15.109375" style="1" customWidth="1"/>
    <col min="3" max="3" width="5.109375" style="1" bestFit="1" customWidth="1"/>
    <col min="4" max="4" width="16.109375" style="1" bestFit="1" customWidth="1"/>
    <col min="5" max="5" width="9.21875" style="1" customWidth="1"/>
    <col min="6" max="6" width="19.77734375" style="1" customWidth="1"/>
    <col min="7" max="7" width="7.33203125" style="1" customWidth="1"/>
    <col min="8" max="8" width="4.88671875" style="1" bestFit="1" customWidth="1"/>
    <col min="9" max="11" width="4.21875" style="1" bestFit="1" customWidth="1"/>
    <col min="12" max="12" width="4.21875" style="1" customWidth="1"/>
    <col min="13" max="13" width="4.33203125" style="1" customWidth="1"/>
    <col min="14" max="14" width="7.6640625" style="1" customWidth="1"/>
    <col min="15" max="15" width="15.44140625" style="1" customWidth="1"/>
    <col min="16" max="16" width="12.21875" style="1" customWidth="1"/>
    <col min="17" max="17" width="3.33203125" style="1" customWidth="1"/>
    <col min="18" max="16384" width="9" style="1"/>
  </cols>
  <sheetData>
    <row r="1" spans="1:16" ht="11.25" customHeight="1" x14ac:dyDescent="0.2">
      <c r="A1" s="35" t="s">
        <v>0</v>
      </c>
      <c r="B1" s="36"/>
      <c r="C1" s="36"/>
      <c r="D1" s="28" t="s">
        <v>1</v>
      </c>
      <c r="E1" s="41" t="s">
        <v>61</v>
      </c>
      <c r="F1" s="42"/>
    </row>
    <row r="2" spans="1:16" ht="11.25" customHeight="1" x14ac:dyDescent="0.2">
      <c r="A2" s="37"/>
      <c r="B2" s="38"/>
      <c r="C2" s="38"/>
      <c r="D2" s="29"/>
      <c r="E2" s="43" t="s">
        <v>62</v>
      </c>
      <c r="F2" s="44"/>
    </row>
    <row r="3" spans="1:16" ht="15.75" customHeight="1" thickBot="1" x14ac:dyDescent="0.25">
      <c r="A3" s="39"/>
      <c r="B3" s="40"/>
      <c r="C3" s="40"/>
      <c r="D3" s="4" t="s">
        <v>2</v>
      </c>
      <c r="E3" s="45" t="s">
        <v>63</v>
      </c>
      <c r="F3" s="46"/>
    </row>
    <row r="4" spans="1:16" s="2" customFormat="1" x14ac:dyDescent="0.2">
      <c r="A4" s="33" t="s">
        <v>3</v>
      </c>
      <c r="B4" s="28" t="s">
        <v>4</v>
      </c>
      <c r="C4" s="28" t="s">
        <v>64</v>
      </c>
      <c r="D4" s="28" t="s">
        <v>5</v>
      </c>
      <c r="E4" s="28" t="s">
        <v>6</v>
      </c>
      <c r="F4" s="28" t="s">
        <v>7</v>
      </c>
      <c r="G4" s="28" t="s">
        <v>2</v>
      </c>
      <c r="H4" s="28" t="s">
        <v>8</v>
      </c>
      <c r="I4" s="28"/>
      <c r="J4" s="28"/>
      <c r="K4" s="28"/>
      <c r="L4" s="28"/>
      <c r="M4" s="30"/>
      <c r="N4" s="31" t="s">
        <v>9</v>
      </c>
      <c r="O4" s="5" t="s">
        <v>10</v>
      </c>
    </row>
    <row r="5" spans="1:16" s="2" customFormat="1" x14ac:dyDescent="0.2">
      <c r="A5" s="34"/>
      <c r="B5" s="29"/>
      <c r="C5" s="29"/>
      <c r="D5" s="29"/>
      <c r="E5" s="29"/>
      <c r="F5" s="29"/>
      <c r="G5" s="29"/>
      <c r="H5" s="25" t="s">
        <v>11</v>
      </c>
      <c r="I5" s="25" t="s">
        <v>12</v>
      </c>
      <c r="J5" s="25" t="s">
        <v>13</v>
      </c>
      <c r="K5" s="25" t="s">
        <v>14</v>
      </c>
      <c r="L5" s="6" t="s">
        <v>15</v>
      </c>
      <c r="M5" s="7" t="s">
        <v>16</v>
      </c>
      <c r="N5" s="32"/>
      <c r="O5" s="8" t="s">
        <v>17</v>
      </c>
    </row>
    <row r="6" spans="1:16" s="3" customFormat="1" ht="36" customHeight="1" x14ac:dyDescent="0.2">
      <c r="A6" s="9" t="s">
        <v>88</v>
      </c>
      <c r="B6" s="10" t="s">
        <v>18</v>
      </c>
      <c r="C6" s="11" t="s">
        <v>19</v>
      </c>
      <c r="D6" s="10" t="s">
        <v>20</v>
      </c>
      <c r="E6" s="10" t="s">
        <v>21</v>
      </c>
      <c r="F6" s="10" t="s">
        <v>22</v>
      </c>
      <c r="G6" s="10" t="s">
        <v>23</v>
      </c>
      <c r="H6" s="12">
        <v>0</v>
      </c>
      <c r="I6" s="12">
        <v>0</v>
      </c>
      <c r="J6" s="12">
        <v>298</v>
      </c>
      <c r="K6" s="12">
        <v>0</v>
      </c>
      <c r="L6" s="12">
        <v>0</v>
      </c>
      <c r="M6" s="13">
        <f t="shared" ref="M6:M15" si="0">SUM(H6:L6)</f>
        <v>298</v>
      </c>
      <c r="N6" s="26" t="s">
        <v>24</v>
      </c>
      <c r="O6" s="14"/>
    </row>
    <row r="7" spans="1:16" ht="36" customHeight="1" x14ac:dyDescent="0.2">
      <c r="A7" s="9" t="s">
        <v>65</v>
      </c>
      <c r="B7" s="10" t="s">
        <v>25</v>
      </c>
      <c r="C7" s="11" t="s">
        <v>19</v>
      </c>
      <c r="D7" s="10" t="s">
        <v>26</v>
      </c>
      <c r="E7" s="10" t="s">
        <v>82</v>
      </c>
      <c r="F7" s="10" t="s">
        <v>81</v>
      </c>
      <c r="G7" s="10" t="s">
        <v>28</v>
      </c>
      <c r="H7" s="12">
        <v>59</v>
      </c>
      <c r="I7" s="12">
        <v>171</v>
      </c>
      <c r="J7" s="12">
        <v>0</v>
      </c>
      <c r="K7" s="12">
        <v>0</v>
      </c>
      <c r="L7" s="12">
        <v>0</v>
      </c>
      <c r="M7" s="13">
        <f t="shared" si="0"/>
        <v>230</v>
      </c>
      <c r="N7" s="26" t="s">
        <v>29</v>
      </c>
      <c r="O7" s="15"/>
    </row>
    <row r="8" spans="1:16" ht="73.2" customHeight="1" x14ac:dyDescent="0.2">
      <c r="A8" s="9" t="s">
        <v>94</v>
      </c>
      <c r="B8" s="10" t="s">
        <v>116</v>
      </c>
      <c r="C8" s="11" t="s">
        <v>66</v>
      </c>
      <c r="D8" s="10" t="s">
        <v>30</v>
      </c>
      <c r="E8" s="10" t="s">
        <v>87</v>
      </c>
      <c r="F8" s="10" t="s">
        <v>112</v>
      </c>
      <c r="G8" s="10" t="s">
        <v>31</v>
      </c>
      <c r="H8" s="12">
        <v>421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421</v>
      </c>
      <c r="N8" s="26" t="s">
        <v>32</v>
      </c>
      <c r="O8" s="15" t="s">
        <v>96</v>
      </c>
      <c r="P8" s="16"/>
    </row>
    <row r="9" spans="1:16" ht="37.5" customHeight="1" x14ac:dyDescent="0.2">
      <c r="A9" s="9" t="s">
        <v>33</v>
      </c>
      <c r="B9" s="10" t="s">
        <v>108</v>
      </c>
      <c r="C9" s="11" t="s">
        <v>34</v>
      </c>
      <c r="D9" s="10" t="s">
        <v>35</v>
      </c>
      <c r="E9" s="10" t="s">
        <v>36</v>
      </c>
      <c r="F9" s="10" t="s">
        <v>93</v>
      </c>
      <c r="G9" s="10" t="s">
        <v>37</v>
      </c>
      <c r="H9" s="12">
        <v>90</v>
      </c>
      <c r="I9" s="12">
        <v>35</v>
      </c>
      <c r="J9" s="12">
        <v>0</v>
      </c>
      <c r="K9" s="12">
        <v>0</v>
      </c>
      <c r="L9" s="12">
        <v>0</v>
      </c>
      <c r="M9" s="13">
        <f t="shared" si="0"/>
        <v>125</v>
      </c>
      <c r="N9" s="26" t="s">
        <v>38</v>
      </c>
      <c r="O9" s="15"/>
      <c r="P9" s="16"/>
    </row>
    <row r="10" spans="1:16" ht="36" customHeight="1" x14ac:dyDescent="0.2">
      <c r="A10" s="9" t="s">
        <v>67</v>
      </c>
      <c r="B10" s="10" t="s">
        <v>109</v>
      </c>
      <c r="C10" s="11" t="s">
        <v>39</v>
      </c>
      <c r="D10" s="10" t="s">
        <v>20</v>
      </c>
      <c r="E10" s="10" t="s">
        <v>40</v>
      </c>
      <c r="F10" s="10" t="s">
        <v>27</v>
      </c>
      <c r="G10" s="10" t="s">
        <v>41</v>
      </c>
      <c r="H10" s="12">
        <v>0</v>
      </c>
      <c r="I10" s="12">
        <v>236</v>
      </c>
      <c r="J10" s="12">
        <v>0</v>
      </c>
      <c r="K10" s="12">
        <v>0</v>
      </c>
      <c r="L10" s="12">
        <v>0</v>
      </c>
      <c r="M10" s="13">
        <f t="shared" si="0"/>
        <v>236</v>
      </c>
      <c r="N10" s="26" t="s">
        <v>42</v>
      </c>
      <c r="O10" s="15"/>
    </row>
    <row r="11" spans="1:16" ht="40.200000000000003" customHeight="1" x14ac:dyDescent="0.2">
      <c r="A11" s="9" t="s">
        <v>95</v>
      </c>
      <c r="B11" s="10" t="s">
        <v>110</v>
      </c>
      <c r="C11" s="11" t="s">
        <v>86</v>
      </c>
      <c r="D11" s="10" t="s">
        <v>43</v>
      </c>
      <c r="E11" s="10" t="s">
        <v>92</v>
      </c>
      <c r="F11" s="10" t="s">
        <v>113</v>
      </c>
      <c r="G11" s="10" t="s">
        <v>85</v>
      </c>
      <c r="H11" s="12">
        <v>176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176</v>
      </c>
      <c r="N11" s="26" t="s">
        <v>84</v>
      </c>
      <c r="O11" s="15" t="s">
        <v>106</v>
      </c>
      <c r="P11" s="16"/>
    </row>
    <row r="12" spans="1:16" ht="36" customHeight="1" x14ac:dyDescent="0.2">
      <c r="A12" s="9" t="s">
        <v>68</v>
      </c>
      <c r="B12" s="10" t="s">
        <v>117</v>
      </c>
      <c r="C12" s="11" t="s">
        <v>44</v>
      </c>
      <c r="D12" s="10" t="s">
        <v>45</v>
      </c>
      <c r="E12" s="10" t="s">
        <v>90</v>
      </c>
      <c r="F12" s="10" t="s">
        <v>111</v>
      </c>
      <c r="G12" s="10" t="s">
        <v>46</v>
      </c>
      <c r="H12" s="12">
        <v>0</v>
      </c>
      <c r="I12" s="12">
        <v>0</v>
      </c>
      <c r="J12" s="12">
        <v>305</v>
      </c>
      <c r="K12" s="12">
        <v>0</v>
      </c>
      <c r="L12" s="12">
        <v>0</v>
      </c>
      <c r="M12" s="13">
        <f t="shared" si="0"/>
        <v>305</v>
      </c>
      <c r="N12" s="26" t="s">
        <v>47</v>
      </c>
      <c r="O12" s="15"/>
    </row>
    <row r="13" spans="1:16" ht="36" customHeight="1" x14ac:dyDescent="0.2">
      <c r="A13" s="9" t="s">
        <v>69</v>
      </c>
      <c r="B13" s="10" t="s">
        <v>70</v>
      </c>
      <c r="C13" s="11" t="s">
        <v>48</v>
      </c>
      <c r="D13" s="10" t="s">
        <v>49</v>
      </c>
      <c r="E13" s="10" t="s">
        <v>102</v>
      </c>
      <c r="F13" s="10" t="s">
        <v>89</v>
      </c>
      <c r="G13" s="10" t="s">
        <v>50</v>
      </c>
      <c r="H13" s="12">
        <v>0</v>
      </c>
      <c r="I13" s="12">
        <v>79</v>
      </c>
      <c r="J13" s="12">
        <v>0</v>
      </c>
      <c r="K13" s="12">
        <v>0</v>
      </c>
      <c r="L13" s="12">
        <v>0</v>
      </c>
      <c r="M13" s="13">
        <f t="shared" si="0"/>
        <v>79</v>
      </c>
      <c r="N13" s="26" t="s">
        <v>51</v>
      </c>
      <c r="O13" s="15"/>
    </row>
    <row r="14" spans="1:16" ht="82.5" customHeight="1" x14ac:dyDescent="0.2">
      <c r="A14" s="9" t="s">
        <v>52</v>
      </c>
      <c r="B14" s="10" t="s">
        <v>71</v>
      </c>
      <c r="C14" s="11" t="s">
        <v>53</v>
      </c>
      <c r="D14" s="10" t="s">
        <v>72</v>
      </c>
      <c r="E14" s="10" t="s">
        <v>103</v>
      </c>
      <c r="F14" s="10" t="s">
        <v>114</v>
      </c>
      <c r="G14" s="10" t="s">
        <v>54</v>
      </c>
      <c r="H14" s="12">
        <v>410</v>
      </c>
      <c r="I14" s="12">
        <v>0</v>
      </c>
      <c r="J14" s="12">
        <v>0</v>
      </c>
      <c r="K14" s="12">
        <v>0</v>
      </c>
      <c r="L14" s="12">
        <v>6</v>
      </c>
      <c r="M14" s="13">
        <f t="shared" si="0"/>
        <v>416</v>
      </c>
      <c r="N14" s="26" t="s">
        <v>99</v>
      </c>
      <c r="O14" s="15" t="s">
        <v>107</v>
      </c>
    </row>
    <row r="15" spans="1:16" ht="69" customHeight="1" thickBot="1" x14ac:dyDescent="0.25">
      <c r="A15" s="18" t="s">
        <v>100</v>
      </c>
      <c r="B15" s="19" t="s">
        <v>73</v>
      </c>
      <c r="C15" s="20" t="s">
        <v>74</v>
      </c>
      <c r="D15" s="19" t="s">
        <v>97</v>
      </c>
      <c r="E15" s="19" t="s">
        <v>104</v>
      </c>
      <c r="F15" s="19" t="s">
        <v>115</v>
      </c>
      <c r="G15" s="19" t="s">
        <v>55</v>
      </c>
      <c r="H15" s="21">
        <v>227</v>
      </c>
      <c r="I15" s="21">
        <v>0</v>
      </c>
      <c r="J15" s="21">
        <v>0</v>
      </c>
      <c r="K15" s="21">
        <v>0</v>
      </c>
      <c r="L15" s="21">
        <v>0</v>
      </c>
      <c r="M15" s="22">
        <f t="shared" si="0"/>
        <v>227</v>
      </c>
      <c r="N15" s="27" t="s">
        <v>98</v>
      </c>
      <c r="O15" s="24" t="s">
        <v>101</v>
      </c>
      <c r="P15" s="16"/>
    </row>
    <row r="16" spans="1:16" ht="15" customHeight="1" x14ac:dyDescent="0.2">
      <c r="A16" s="16"/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</row>
    <row r="17" spans="1:16" ht="8.4" customHeight="1" thickBot="1" x14ac:dyDescent="0.25">
      <c r="A17" s="16"/>
      <c r="B17" s="16"/>
      <c r="C17" s="16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</row>
    <row r="18" spans="1:16" s="2" customFormat="1" x14ac:dyDescent="0.2">
      <c r="A18" s="33" t="s">
        <v>3</v>
      </c>
      <c r="B18" s="28" t="s">
        <v>4</v>
      </c>
      <c r="C18" s="28" t="s">
        <v>64</v>
      </c>
      <c r="D18" s="28" t="s">
        <v>5</v>
      </c>
      <c r="E18" s="28" t="s">
        <v>6</v>
      </c>
      <c r="F18" s="28" t="s">
        <v>7</v>
      </c>
      <c r="G18" s="28" t="s">
        <v>2</v>
      </c>
      <c r="H18" s="28" t="s">
        <v>8</v>
      </c>
      <c r="I18" s="28"/>
      <c r="J18" s="28"/>
      <c r="K18" s="28"/>
      <c r="L18" s="28"/>
      <c r="M18" s="30"/>
      <c r="N18" s="31" t="s">
        <v>9</v>
      </c>
      <c r="O18" s="5" t="s">
        <v>10</v>
      </c>
    </row>
    <row r="19" spans="1:16" s="2" customFormat="1" x14ac:dyDescent="0.2">
      <c r="A19" s="34"/>
      <c r="B19" s="29"/>
      <c r="C19" s="29"/>
      <c r="D19" s="29"/>
      <c r="E19" s="29"/>
      <c r="F19" s="29"/>
      <c r="G19" s="29"/>
      <c r="H19" s="25" t="s">
        <v>11</v>
      </c>
      <c r="I19" s="25" t="s">
        <v>12</v>
      </c>
      <c r="J19" s="25" t="s">
        <v>13</v>
      </c>
      <c r="K19" s="25" t="s">
        <v>14</v>
      </c>
      <c r="L19" s="6" t="s">
        <v>15</v>
      </c>
      <c r="M19" s="7" t="s">
        <v>16</v>
      </c>
      <c r="N19" s="32"/>
      <c r="O19" s="8" t="s">
        <v>17</v>
      </c>
    </row>
    <row r="20" spans="1:16" ht="23.7" customHeight="1" x14ac:dyDescent="0.2">
      <c r="A20" s="17" t="s">
        <v>105</v>
      </c>
      <c r="B20" s="10"/>
      <c r="C20" s="11"/>
      <c r="D20" s="10"/>
      <c r="E20" s="10"/>
      <c r="F20" s="10"/>
      <c r="G20" s="10"/>
      <c r="H20" s="12"/>
      <c r="I20" s="12"/>
      <c r="J20" s="12"/>
      <c r="K20" s="12"/>
      <c r="L20" s="12"/>
      <c r="M20" s="13"/>
      <c r="N20" s="26"/>
      <c r="O20" s="15"/>
    </row>
    <row r="21" spans="1:16" ht="36" customHeight="1" x14ac:dyDescent="0.2">
      <c r="A21" s="9" t="s">
        <v>75</v>
      </c>
      <c r="B21" s="10" t="s">
        <v>56</v>
      </c>
      <c r="C21" s="11" t="s">
        <v>76</v>
      </c>
      <c r="D21" s="10" t="s">
        <v>57</v>
      </c>
      <c r="E21" s="10" t="s">
        <v>91</v>
      </c>
      <c r="F21" s="10" t="s">
        <v>58</v>
      </c>
      <c r="G21" s="10" t="s">
        <v>77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0</v>
      </c>
      <c r="N21" s="26" t="s">
        <v>78</v>
      </c>
      <c r="O21" s="15"/>
      <c r="P21" s="16"/>
    </row>
    <row r="22" spans="1:16" ht="36" customHeight="1" thickBot="1" x14ac:dyDescent="0.25">
      <c r="A22" s="18" t="s">
        <v>79</v>
      </c>
      <c r="B22" s="19" t="s">
        <v>56</v>
      </c>
      <c r="C22" s="20" t="s">
        <v>76</v>
      </c>
      <c r="D22" s="19" t="s">
        <v>59</v>
      </c>
      <c r="E22" s="19" t="s">
        <v>83</v>
      </c>
      <c r="F22" s="19" t="s">
        <v>60</v>
      </c>
      <c r="G22" s="19" t="s">
        <v>80</v>
      </c>
      <c r="H22" s="21">
        <v>0</v>
      </c>
      <c r="I22" s="21">
        <v>0</v>
      </c>
      <c r="J22" s="21">
        <v>0</v>
      </c>
      <c r="K22" s="21">
        <v>0</v>
      </c>
      <c r="L22" s="21">
        <v>0</v>
      </c>
      <c r="M22" s="22">
        <f>SUM(H22:L22)</f>
        <v>0</v>
      </c>
      <c r="N22" s="27" t="s">
        <v>78</v>
      </c>
      <c r="O22" s="23"/>
    </row>
    <row r="23" spans="1:16" ht="26.1" customHeight="1" x14ac:dyDescent="0.2"/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18:F19"/>
    <mergeCell ref="G18:G19"/>
    <mergeCell ref="H18:M18"/>
    <mergeCell ref="N18:N19"/>
    <mergeCell ref="A18:A19"/>
    <mergeCell ref="B18:B19"/>
    <mergeCell ref="C18:C19"/>
    <mergeCell ref="D18:D19"/>
    <mergeCell ref="E18:E19"/>
  </mergeCells>
  <phoneticPr fontId="1"/>
  <pageMargins left="0.98425196850393704" right="0.39370078740157483" top="1.1023622047244095" bottom="0.43307086614173229" header="0.51181102362204722" footer="0.31496062992125984"/>
  <pageSetup paperSize="9" scale="94" firstPageNumber="46" fitToHeight="0" orientation="landscape" useFirstPageNumber="1" r:id="rId1"/>
  <headerFooter alignWithMargins="0">
    <oddFooter>&amp;C- &amp;P -</oddFooter>
  </headerFooter>
  <rowBreaks count="2" manualBreakCount="2">
    <brk id="16" max="14" man="1"/>
    <brk id="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平塚保健福祉事務所</vt:lpstr>
      <vt:lpstr>平塚保健福祉事務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19T05:35:16Z</cp:lastPrinted>
  <dcterms:created xsi:type="dcterms:W3CDTF">2015-05-18T04:43:18Z</dcterms:created>
  <dcterms:modified xsi:type="dcterms:W3CDTF">2025-06-19T05:36:16Z</dcterms:modified>
</cp:coreProperties>
</file>